
<file path=[Content_Types].xml><?xml version="1.0" encoding="utf-8"?>
<Types xmlns="http://schemas.openxmlformats.org/package/2006/content-types">
  <Default Extension="bin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media/image2.bin" ContentType="image/x-emf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56" r:id="rId5"/>
    <p:sldId id="257" r:id="rId6"/>
    <p:sldId id="258" r:id="rId7"/>
    <p:sldId id="259" r:id="rId8"/>
    <p:sldId id="260" r:id="rId9"/>
    <p:sldId id="261" r:id="rId10"/>
    <p:sldId id="262" r:id="rId11"/>
    <p:sldId id="263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2" autoAdjust="0"/>
  </p:normalViewPr>
  <p:slideViewPr>
    <p:cSldViewPr snapToGrid="0" showGuides="1">
      <p:cViewPr varScale="1">
        <p:scale>
          <a:sx n="55" d="100"/>
          <a:sy n="55" d="100"/>
        </p:scale>
        <p:origin x="324" y="32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5/09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Center for War Studies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War Studies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War Studies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War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War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War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War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War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Center for War Studies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e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Danish Centre for Welfare Studies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e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Danish Centre for Welfare Studies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E1572527-8F5D-EDF7-AF3C-A1A79FCA48D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65274" y="6204347"/>
            <a:ext cx="2105319" cy="40010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Danish Centre for Welfare Studies</a:t>
            </a:r>
            <a:endParaRPr lang="en-GB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Danish Centre for Welfare Studies</a:t>
            </a:r>
            <a:endParaRPr lang="en-GB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Danish Centre for Welfare Studies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Danish Centre for Welfare Studies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/09/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8B972E53-5065-4376-9059-F5971C51201A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2520D2CE-3D92-4817-82C3-1809369754A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47ec60-a47f-46bc-b186-fb66520944e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E94F8B10-83A0-44F5-B02F-2B03FD1D76D6}">
  <ds:schemaRefs>
    <ds:schemaRef ds:uri="http://schemas.microsoft.com/office/2006/metadata/properties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3</Words>
  <Application>Microsoft Office PowerPoint</Application>
  <PresentationFormat>Widescreen</PresentationFormat>
  <Paragraphs>31</Paragraphs>
  <Slides>8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0" baseType="lpstr">
      <vt:lpstr>Arial</vt:lpstr>
      <vt:lpstr>SDU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9-15T12:23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50473216082</vt:lpwstr>
  </property>
  <property fmtid="{D5CDD505-2E9C-101B-9397-08002B2CF9AE}" pid="6" name="ContentTypeId">
    <vt:lpwstr>0x010100A0DBBFDE404BD84E89523A9B3885119C</vt:lpwstr>
  </property>
</Properties>
</file>